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11\"/>
    </mc:Choice>
  </mc:AlternateContent>
  <xr:revisionPtr revIDLastSave="0" documentId="13_ncr:1_{7593BF9E-0B3E-4195-BB1A-585A401D6A9B}" xr6:coauthVersionLast="47" xr6:coauthVersionMax="47" xr10:uidLastSave="{00000000-0000-0000-0000-000000000000}"/>
  <bookViews>
    <workbookView xWindow="-120" yWindow="-120" windowWidth="29040" windowHeight="15840" xr2:uid="{10B8F52C-96A0-4C09-80DB-4C418F50CD6F}"/>
  </bookViews>
  <sheets>
    <sheet name="21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1" uniqueCount="28">
  <si>
    <t>名称№２１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オイルダンパー分解整備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オイルダンパー分解整備</t>
  </si>
  <si>
    <t>トキコ　ＯＤ35Ａ型</t>
    <phoneticPr fontId="3"/>
  </si>
  <si>
    <t>本</t>
  </si>
  <si>
    <t>トキコ　ＨＤ5846047型</t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5D0C874-63A5-4061-BB09-0249A2F490D6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1307B2-717D-4C38-A56C-91FE08A179CE}">
  <sheetPr>
    <tabColor indexed="57"/>
  </sheetPr>
  <dimension ref="A1:J57"/>
  <sheetViews>
    <sheetView showZeros="0" tabSelected="1" view="pageBreakPreview" topLeftCell="A16" zoomScale="85" zoomScaleNormal="100" zoomScaleSheetLayoutView="85" workbookViewId="0">
      <selection activeCell="H39" sqref="H39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60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20</v>
      </c>
      <c r="G10" s="32"/>
      <c r="H10" s="27"/>
    </row>
    <row r="11" spans="1:10" ht="24.95" customHeight="1" x14ac:dyDescent="0.15">
      <c r="A11" s="20"/>
      <c r="B11" s="28"/>
      <c r="C11" s="29"/>
      <c r="D11" s="30"/>
      <c r="E11" s="31"/>
      <c r="F11" s="25"/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48"/>
      <c r="H23" s="39"/>
    </row>
    <row r="24" spans="1:8" ht="24.95" customHeight="1" x14ac:dyDescent="0.15">
      <c r="A24" s="20"/>
      <c r="B24" s="40"/>
      <c r="C24" s="20"/>
      <c r="D24" s="41"/>
      <c r="E24" s="49"/>
      <c r="F24" s="43"/>
      <c r="G24" s="46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9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51"/>
      <c r="B28" s="34"/>
      <c r="C28" s="33"/>
      <c r="D28" s="52"/>
      <c r="E28" s="33"/>
      <c r="F28" s="37"/>
      <c r="G28" s="47"/>
      <c r="H28" s="53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1"/>
      <c r="F33" s="37"/>
      <c r="G33" s="4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6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32"/>
      <c r="H38" s="27"/>
    </row>
    <row r="39" spans="1:8" ht="24.95" customHeight="1" thickBot="1" x14ac:dyDescent="0.2">
      <c r="A39" s="60" t="s">
        <v>16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7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8</v>
      </c>
      <c r="H42" s="56"/>
    </row>
    <row r="43" spans="1:8" ht="20.100000000000001" customHeight="1" x14ac:dyDescent="0.15">
      <c r="A43" s="56"/>
      <c r="B43" s="56" t="s">
        <v>19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0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1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2</v>
      </c>
      <c r="E46" s="56"/>
      <c r="F46" s="56"/>
      <c r="G46" s="56"/>
      <c r="H46" s="57" t="s">
        <v>23</v>
      </c>
    </row>
    <row r="47" spans="1:8" ht="20.100000000000001" customHeight="1" x14ac:dyDescent="0.15">
      <c r="A47" s="56"/>
      <c r="B47" s="56"/>
      <c r="C47" s="56"/>
      <c r="D47" s="57" t="s">
        <v>24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5</v>
      </c>
      <c r="E49" s="56"/>
      <c r="F49" s="59"/>
      <c r="G49" s="56"/>
      <c r="H49" s="57" t="s">
        <v>23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6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7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9:F38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G9:G38">
    <cfRule type="expression" dxfId="2" priority="3" stopIfTrue="1">
      <formula>ISERROR(G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1</vt:lpstr>
      <vt:lpstr>'21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2:05Z</dcterms:created>
  <dcterms:modified xsi:type="dcterms:W3CDTF">2023-02-22T04:58:35Z</dcterms:modified>
</cp:coreProperties>
</file>